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4"/>
  </p:notesMasterIdLst>
  <p:handoutMasterIdLst>
    <p:handoutMasterId r:id="rId45"/>
  </p:handoutMasterIdLst>
  <p:sldIdLst>
    <p:sldId id="569" r:id="rId2"/>
    <p:sldId id="568" r:id="rId3"/>
    <p:sldId id="561" r:id="rId4"/>
    <p:sldId id="560" r:id="rId5"/>
    <p:sldId id="525" r:id="rId6"/>
    <p:sldId id="533" r:id="rId7"/>
    <p:sldId id="562" r:id="rId8"/>
    <p:sldId id="571" r:id="rId9"/>
    <p:sldId id="572" r:id="rId10"/>
    <p:sldId id="537" r:id="rId11"/>
    <p:sldId id="564" r:id="rId12"/>
    <p:sldId id="565" r:id="rId13"/>
    <p:sldId id="566" r:id="rId14"/>
    <p:sldId id="570" r:id="rId15"/>
    <p:sldId id="535" r:id="rId16"/>
    <p:sldId id="563" r:id="rId17"/>
    <p:sldId id="536" r:id="rId18"/>
    <p:sldId id="532" r:id="rId19"/>
    <p:sldId id="538" r:id="rId20"/>
    <p:sldId id="541" r:id="rId21"/>
    <p:sldId id="573" r:id="rId22"/>
    <p:sldId id="540" r:id="rId23"/>
    <p:sldId id="462" r:id="rId24"/>
    <p:sldId id="519" r:id="rId25"/>
    <p:sldId id="523" r:id="rId26"/>
    <p:sldId id="558" r:id="rId27"/>
    <p:sldId id="559" r:id="rId28"/>
    <p:sldId id="526" r:id="rId29"/>
    <p:sldId id="528" r:id="rId30"/>
    <p:sldId id="529" r:id="rId31"/>
    <p:sldId id="530" r:id="rId32"/>
    <p:sldId id="543" r:id="rId33"/>
    <p:sldId id="544" r:id="rId34"/>
    <p:sldId id="545" r:id="rId35"/>
    <p:sldId id="557" r:id="rId36"/>
    <p:sldId id="551" r:id="rId37"/>
    <p:sldId id="546" r:id="rId38"/>
    <p:sldId id="548" r:id="rId39"/>
    <p:sldId id="550" r:id="rId40"/>
    <p:sldId id="549" r:id="rId41"/>
    <p:sldId id="567" r:id="rId42"/>
    <p:sldId id="260" r:id="rId43"/>
  </p:sldIdLst>
  <p:sldSz cx="12188825" cy="6858000"/>
  <p:notesSz cx="7010400" cy="9296400"/>
  <p:embeddedFontLst>
    <p:embeddedFont>
      <p:font typeface="Georgia" panose="02040502050405020303" pitchFamily="18" charset="0"/>
      <p:regular r:id="rId46"/>
      <p:bold r:id="rId47"/>
      <p:italic r:id="rId48"/>
      <p:boldItalic r:id="rId49"/>
    </p:embeddedFont>
    <p:embeddedFont>
      <p:font typeface="Wingdings 3" panose="05040102010807070707" pitchFamily="18" charset="2"/>
      <p:regular r:id="rId50"/>
    </p:embeddedFont>
    <p:embeddedFont>
      <p:font typeface="AU Passata" panose="020B0503030502030804" pitchFamily="34" charset="0"/>
      <p:regular r:id="rId51"/>
      <p:bold r:id="rId52"/>
    </p:embeddedFont>
    <p:embeddedFont>
      <p:font typeface="AU Passata Light" panose="020B0303030902030804" pitchFamily="34" charset="0"/>
      <p:regular r:id="rId53"/>
      <p:bold r:id="rId54"/>
    </p:embeddedFont>
    <p:embeddedFont>
      <p:font typeface="Calibri" panose="020F0502020204030204" pitchFamily="34" charset="0"/>
      <p:regular r:id="rId55"/>
      <p:bold r:id="rId56"/>
      <p:italic r:id="rId57"/>
      <p:boldItalic r:id="rId58"/>
    </p:embeddedFont>
    <p:embeddedFont>
      <p:font typeface="AU Peto" panose="040C0B07020602020301" pitchFamily="82" charset="0"/>
      <p:regular r:id="rId59"/>
      <p:bold r:id="rId6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85" d="100"/>
          <a:sy n="85" d="100"/>
        </p:scale>
        <p:origin x="598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1032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font" Target="fonts/font2.fntdata"/><Relationship Id="rId50" Type="http://schemas.openxmlformats.org/officeDocument/2006/relationships/font" Target="fonts/font5.fntdata"/><Relationship Id="rId55" Type="http://schemas.openxmlformats.org/officeDocument/2006/relationships/font" Target="fonts/font10.fntdata"/><Relationship Id="rId63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54" Type="http://schemas.openxmlformats.org/officeDocument/2006/relationships/font" Target="fonts/font9.fntdata"/><Relationship Id="rId62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handoutMaster" Target="handoutMasters/handoutMaster1.xml"/><Relationship Id="rId53" Type="http://schemas.openxmlformats.org/officeDocument/2006/relationships/font" Target="fonts/font8.fntdata"/><Relationship Id="rId58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4.fntdata"/><Relationship Id="rId57" Type="http://schemas.openxmlformats.org/officeDocument/2006/relationships/font" Target="fonts/font12.fntdata"/><Relationship Id="rId61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7.fntdata"/><Relationship Id="rId60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font" Target="fonts/font3.fntdata"/><Relationship Id="rId56" Type="http://schemas.openxmlformats.org/officeDocument/2006/relationships/font" Target="fonts/font11.fntdata"/><Relationship Id="rId64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font" Target="fonts/font6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1.fntdata"/><Relationship Id="rId59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75307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57831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 smtClean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 </a:t>
            </a: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5" Type="http://schemas.openxmlformats.org/officeDocument/2006/relationships/image" Target="../media/image25.png"/><Relationship Id="rId4" Type="http://schemas.openxmlformats.org/officeDocument/2006/relationships/image" Target="../media/image26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34.png"/><Relationship Id="rId4" Type="http://schemas.openxmlformats.org/officeDocument/2006/relationships/image" Target="../media/image33.jp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3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38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5" Type="http://schemas.openxmlformats.org/officeDocument/2006/relationships/image" Target="../media/image43.png"/><Relationship Id="rId4" Type="http://schemas.openxmlformats.org/officeDocument/2006/relationships/image" Target="../media/image42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47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49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4" Type="http://schemas.openxmlformats.org/officeDocument/2006/relationships/image" Target="../media/image51.jp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4" Type="http://schemas.openxmlformats.org/officeDocument/2006/relationships/image" Target="../media/image54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Relationship Id="rId4" Type="http://schemas.openxmlformats.org/officeDocument/2006/relationships/image" Target="../media/image59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Relationship Id="rId5" Type="http://schemas.openxmlformats.org/officeDocument/2006/relationships/image" Target="../media/image62.png"/><Relationship Id="rId4" Type="http://schemas.openxmlformats.org/officeDocument/2006/relationships/image" Target="../media/image61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1.xml"/><Relationship Id="rId5" Type="http://schemas.openxmlformats.org/officeDocument/2006/relationships/image" Target="../media/image65.png"/><Relationship Id="rId4" Type="http://schemas.openxmlformats.org/officeDocument/2006/relationships/image" Target="../media/image64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9472252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‘3D CONVOLUTION’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0766" y="1741023"/>
            <a:ext cx="8064896" cy="45365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826491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‘3D CONVOLUTION’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92BC6DA-FC92-4CCD-9A53-4E34022BF92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2752"/>
          <a:stretch/>
        </p:blipFill>
        <p:spPr>
          <a:xfrm>
            <a:off x="1831108" y="2276872"/>
            <a:ext cx="8526608" cy="3941112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1010340" y="5301208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OBS: Slide only in 2D</a:t>
            </a:r>
            <a:endParaRPr lang="da-DK" sz="28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447959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FILTER BANKS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68717D8-B721-420C-87BE-4258CD17707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15347" y="1844824"/>
            <a:ext cx="7591425" cy="3990975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66B6C5CE-2C36-41AB-ACFD-2B6EAB273043}"/>
              </a:ext>
            </a:extLst>
          </p:cNvPr>
          <p:cNvSpPr/>
          <p:nvPr/>
        </p:nvSpPr>
        <p:spPr>
          <a:xfrm>
            <a:off x="3358108" y="5978200"/>
            <a:ext cx="6092825" cy="27699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towardsdatascience.com/convolutional-neural-network-ii-a11303f807d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98744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1087134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FILTER </a:t>
            </a:r>
            <a:r>
              <a:rPr lang="en-US" sz="2800" b="1" dirty="0" smtClean="0">
                <a:latin typeface="+mn-lt"/>
              </a:rPr>
              <a:t>BANKS / ‘3D CONVOLUTION’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7078127-91DE-43CE-8164-AE56D8BC1F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667" y="2060848"/>
            <a:ext cx="10781670" cy="36425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981777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‘3D CONVOLUTION’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860" y="1861968"/>
            <a:ext cx="4423977" cy="2488487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38428" y="1844824"/>
            <a:ext cx="4537793" cy="447491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68717D8-B721-420C-87BE-4258CD17707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3852" y="4350455"/>
            <a:ext cx="3735049" cy="196359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03646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- POOLING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5980" y="1844824"/>
            <a:ext cx="7397452" cy="42651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662363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- POOLING</a:t>
            </a:r>
            <a:endParaRPr lang="da-DK" sz="2800" b="1" dirty="0">
              <a:latin typeface="+mn-lt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534EE33-3763-4DE9-815B-EA429AE0580C}"/>
              </a:ext>
            </a:extLst>
          </p:cNvPr>
          <p:cNvSpPr/>
          <p:nvPr/>
        </p:nvSpPr>
        <p:spPr>
          <a:xfrm>
            <a:off x="3706774" y="5799765"/>
            <a:ext cx="6092825" cy="27699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medium.com/analytics-vidhya/deep-learning-methods-1700548a3093</a:t>
            </a:r>
          </a:p>
        </p:txBody>
      </p:sp>
      <p:pic>
        <p:nvPicPr>
          <p:cNvPr id="1026" name="Picture 2" descr="https://cdn-images-1.medium.com/max/800/1*47b2_ADpxvXShDP5gOsiDg.png">
            <a:extLst>
              <a:ext uri="{FF2B5EF4-FFF2-40B4-BE49-F238E27FC236}">
                <a16:creationId xmlns:a16="http://schemas.microsoft.com/office/drawing/2014/main" id="{E732941C-C908-4023-B51D-5FFD0AD7C7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14584" y="1772816"/>
            <a:ext cx="8558657" cy="3722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003934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- </a:t>
            </a:r>
            <a:r>
              <a:rPr lang="en-US" sz="2800" b="1" dirty="0" err="1">
                <a:latin typeface="+mn-lt"/>
              </a:rPr>
              <a:t>ReLU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38028" y="1916832"/>
            <a:ext cx="6849832" cy="38633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072147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91902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</a:t>
            </a:r>
            <a:r>
              <a:rPr lang="en-US" sz="2800" b="1" dirty="0" smtClean="0">
                <a:latin typeface="+mn-lt"/>
              </a:rPr>
              <a:t>ARCHITECTURE – LAYERS OF ABSTRACTION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953"/>
          <a:stretch/>
        </p:blipFill>
        <p:spPr>
          <a:xfrm>
            <a:off x="315912" y="1737775"/>
            <a:ext cx="11035083" cy="43520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2701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135044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</a:t>
            </a:r>
            <a:r>
              <a:rPr lang="en-US" sz="2800" b="1" dirty="0" smtClean="0">
                <a:latin typeface="+mn-lt"/>
              </a:rPr>
              <a:t>ARCHITECTURE </a:t>
            </a:r>
            <a:r>
              <a:rPr lang="en-US" sz="2800" b="1" dirty="0"/>
              <a:t>– LAYERS OF ABSTRACTION</a:t>
            </a:r>
            <a:endParaRPr lang="da-DK" sz="2800" b="1" dirty="0"/>
          </a:p>
          <a:p>
            <a:pPr>
              <a:lnSpc>
                <a:spcPct val="95000"/>
              </a:lnSpc>
            </a:pP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5980" y="1737775"/>
            <a:ext cx="7992590" cy="45440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14468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405780" y="2996424"/>
            <a:ext cx="5112568" cy="1994392"/>
          </a:xfrm>
        </p:spPr>
        <p:txBody>
          <a:bodyPr/>
          <a:lstStyle/>
          <a:p>
            <a:pPr algn="ctr"/>
            <a:r>
              <a:rPr lang="en-US" altLang="en-US" sz="4800" dirty="0" smtClean="0">
                <a:latin typeface="+mj-lt"/>
              </a:rPr>
              <a:t>CONVOLUTIONAL </a:t>
            </a:r>
            <a:br>
              <a:rPr lang="en-US" altLang="en-US" sz="4800" dirty="0" smtClean="0">
                <a:latin typeface="+mj-lt"/>
              </a:rPr>
            </a:br>
            <a:r>
              <a:rPr lang="en-US" altLang="en-US" sz="4800" dirty="0" smtClean="0">
                <a:latin typeface="+mj-lt"/>
              </a:rPr>
              <a:t>NEURAL NETWORKS</a:t>
            </a:r>
            <a:endParaRPr lang="en-US" altLang="en-US" sz="4800" dirty="0">
              <a:latin typeface="+mj-lt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12320" y="2132856"/>
            <a:ext cx="5544616" cy="3636731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438752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FILTER INITIALIZATION</a:t>
            </a:r>
            <a:endParaRPr lang="da-DK" sz="28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7230" y="2924944"/>
            <a:ext cx="4359709" cy="347298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89" r="20690" b="87931"/>
          <a:stretch/>
        </p:blipFill>
        <p:spPr>
          <a:xfrm>
            <a:off x="677796" y="1563923"/>
            <a:ext cx="5945803" cy="1224136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9255653-EF44-4479-992E-F190AB46BDD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54883" y="1563922"/>
            <a:ext cx="3119032" cy="52220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591529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CNN ARCHITECTURE – FILTER INITIALIZATION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38028" y="2060848"/>
            <a:ext cx="6864936" cy="38615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73081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RECEPTIVE FIELDS IN CNN AND THE BRAIN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095"/>
          <a:stretch/>
        </p:blipFill>
        <p:spPr>
          <a:xfrm>
            <a:off x="1557908" y="1737775"/>
            <a:ext cx="8805499" cy="435552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140880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6019"/>
          <a:stretch/>
        </p:blipFill>
        <p:spPr>
          <a:xfrm>
            <a:off x="2854052" y="1587186"/>
            <a:ext cx="2520280" cy="501016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56166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RECEPTIVE FIELDS IN THE BRAIN</a:t>
            </a:r>
            <a:endParaRPr lang="da-DK" sz="2400" b="1" dirty="0">
              <a:latin typeface="+mn-lt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CBB9346-113F-4E4F-8BC5-975F878445E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159"/>
          <a:stretch/>
        </p:blipFill>
        <p:spPr>
          <a:xfrm>
            <a:off x="6487330" y="923916"/>
            <a:ext cx="4470993" cy="531339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F536263-F6D5-4017-82D1-76F89BCFB2D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7832" y="1773932"/>
            <a:ext cx="3327161" cy="1727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403848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9729" y="1154580"/>
            <a:ext cx="7291976" cy="504969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56166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RECEPTIVE FIELDS IN THE BRAIN</a:t>
            </a:r>
            <a:endParaRPr lang="da-DK" sz="2400" b="1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B4A3DEC-4236-4DDD-B097-4B25391613A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7832" y="1773932"/>
            <a:ext cx="3327161" cy="17270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33936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56166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RECEPTIVE FIELDS IN THE BRAIN</a:t>
            </a:r>
            <a:endParaRPr lang="da-DK" sz="2400" b="1" dirty="0">
              <a:latin typeface="+mn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8853" y="2060848"/>
            <a:ext cx="9931117" cy="37486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560864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56166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RECEPTIVE FIELDS IN THE BRAIN</a:t>
            </a:r>
            <a:endParaRPr lang="da-DK" sz="24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4532" y="1772816"/>
            <a:ext cx="3615863" cy="459291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67C0893-9606-4452-B55D-997C4194CB3A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809" r="12285"/>
          <a:stretch/>
        </p:blipFill>
        <p:spPr>
          <a:xfrm>
            <a:off x="1226309" y="1636011"/>
            <a:ext cx="4724087" cy="258507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F5D1780-4E94-416D-B6A0-599663EA793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98430" y="4225429"/>
            <a:ext cx="4682902" cy="20838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01381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56166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RECEPTIVE FIELDS IN THE BRAIN</a:t>
            </a:r>
            <a:endParaRPr lang="da-DK" sz="2400" b="1" dirty="0">
              <a:latin typeface="+mn-lt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67C0893-9606-4452-B55D-997C4194CB3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809" r="12285"/>
          <a:stretch/>
        </p:blipFill>
        <p:spPr>
          <a:xfrm>
            <a:off x="1226309" y="1636011"/>
            <a:ext cx="4724087" cy="258507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F5D1780-4E94-416D-B6A0-599663EA793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98430" y="4225429"/>
            <a:ext cx="4682902" cy="208389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B7FD857-F969-4B59-BD76-57034D69921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38428" y="1556931"/>
            <a:ext cx="5303688" cy="396521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A17247C-7D8E-4534-9B66-42778DB681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38428" y="5538852"/>
            <a:ext cx="5303688" cy="2456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68068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971045" y="1988840"/>
            <a:ext cx="6334844" cy="35086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2D convolution with kernels certainly existed before the discovery of receptive fields.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And were used in machine learning at about the same time. 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It’s just filtering. 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What seems inspired is learning the best filters, but was that inspired by the brain?</a:t>
            </a:r>
            <a:endParaRPr lang="da-DK" sz="2400" b="1" dirty="0">
              <a:latin typeface="+mn-lt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0476" y="4209868"/>
            <a:ext cx="5489610" cy="1712542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94612" y="1874405"/>
            <a:ext cx="3323168" cy="22529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5072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122" t="7697" b="41021"/>
          <a:stretch/>
        </p:blipFill>
        <p:spPr>
          <a:xfrm>
            <a:off x="1194982" y="1762788"/>
            <a:ext cx="3454524" cy="3741766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02324" y="1810507"/>
            <a:ext cx="5406823" cy="3892913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392625" y="5589240"/>
            <a:ext cx="345452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The grandmother cell</a:t>
            </a:r>
            <a:endParaRPr lang="da-DK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95201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FEATURE EXTRACTION</a:t>
            </a:r>
            <a:r>
              <a:rPr lang="da-DK" sz="2800" b="1" dirty="0"/>
              <a:t> </a:t>
            </a:r>
            <a:r>
              <a:rPr lang="en-US" sz="2800" b="1" dirty="0"/>
              <a:t>VERSUS FEATURE LEARNING</a:t>
            </a:r>
            <a:endParaRPr lang="da-DK" sz="28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923B4FC-2E80-41E4-8B45-528A9A3AAD0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8934"/>
          <a:stretch/>
        </p:blipFill>
        <p:spPr>
          <a:xfrm>
            <a:off x="909836" y="2326855"/>
            <a:ext cx="4462636" cy="355041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2298327-2E71-4171-A519-32C7DE0ACDB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85370"/>
          <a:stretch/>
        </p:blipFill>
        <p:spPr>
          <a:xfrm>
            <a:off x="804614" y="1790468"/>
            <a:ext cx="4462636" cy="64072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8C5D50B0-A84C-4859-A05A-9E3E0E4422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16428" y="2326855"/>
            <a:ext cx="4299736" cy="387267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A54C016-3312-4E06-ACF7-2316E8B7A0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2301" y="1844824"/>
            <a:ext cx="5747989" cy="6806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37044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2494012" y="5690359"/>
            <a:ext cx="633484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The Jennifer Aniston cell</a:t>
            </a:r>
            <a:endParaRPr lang="da-DK" sz="24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157" y="1907384"/>
            <a:ext cx="6436221" cy="361968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8588" y="4232172"/>
            <a:ext cx="4061640" cy="12948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489858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971044" y="1772816"/>
            <a:ext cx="7571639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The Jennifer Aniston cell – how likely are you to find it?</a:t>
            </a:r>
            <a:endParaRPr lang="da-DK" sz="24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876" y="2708920"/>
            <a:ext cx="9297235" cy="34563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063525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LeNET-5 ARCHITECTURE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1804" y="2132856"/>
            <a:ext cx="11155810" cy="308675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4726260" y="558924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latin typeface="+mn-lt"/>
              </a:rPr>
              <a:t>Original Image </a:t>
            </a:r>
            <a:r>
              <a:rPr lang="da-DK" sz="1000" dirty="0" err="1">
                <a:latin typeface="+mn-lt"/>
              </a:rPr>
              <a:t>published</a:t>
            </a:r>
            <a:r>
              <a:rPr lang="da-DK" sz="1000" dirty="0">
                <a:latin typeface="+mn-lt"/>
              </a:rPr>
              <a:t> in [</a:t>
            </a:r>
            <a:r>
              <a:rPr lang="da-DK" sz="1000" dirty="0" err="1">
                <a:latin typeface="+mn-lt"/>
              </a:rPr>
              <a:t>LeCun</a:t>
            </a:r>
            <a:r>
              <a:rPr lang="da-DK" sz="1000" dirty="0">
                <a:latin typeface="+mn-lt"/>
              </a:rPr>
              <a:t> et al., 1998]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589024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LeNET-5 IN KERAS</a:t>
            </a: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3704" y="1563923"/>
            <a:ext cx="10297144" cy="4744844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174532" y="6594999"/>
            <a:ext cx="4270548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 err="1"/>
              <a:t>Adapted</a:t>
            </a:r>
            <a:r>
              <a:rPr lang="da-DK" sz="1000" dirty="0"/>
              <a:t> from https://engmrk.com/lenet-5-a-classic-cnn-architecture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646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LeNET-5 IN KERAS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24678" y="1072283"/>
            <a:ext cx="5255339" cy="437294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t="24131" b="68281"/>
          <a:stretch/>
        </p:blipFill>
        <p:spPr>
          <a:xfrm>
            <a:off x="117748" y="5589240"/>
            <a:ext cx="11134972" cy="38933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15913" y="1844824"/>
            <a:ext cx="7342956" cy="383027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Trainable parameters in layer =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000" b="1" dirty="0">
                <a:latin typeface="+mn-lt"/>
              </a:rPr>
              <a:t>(No._</a:t>
            </a:r>
            <a:r>
              <a:rPr lang="en-US" sz="2000" b="1" dirty="0" err="1">
                <a:latin typeface="+mn-lt"/>
              </a:rPr>
              <a:t>filters_in</a:t>
            </a:r>
            <a:r>
              <a:rPr lang="en-US" sz="2000" b="1" dirty="0">
                <a:latin typeface="+mn-lt"/>
              </a:rPr>
              <a:t> * </a:t>
            </a:r>
            <a:r>
              <a:rPr lang="en-US" sz="2000" b="1" dirty="0" err="1">
                <a:latin typeface="+mn-lt"/>
              </a:rPr>
              <a:t>kernel_size</a:t>
            </a:r>
            <a:r>
              <a:rPr lang="en-US" sz="2000" b="1" dirty="0">
                <a:latin typeface="+mn-lt"/>
              </a:rPr>
              <a:t> + bias) * No._</a:t>
            </a:r>
            <a:r>
              <a:rPr lang="en-US" sz="2000" b="1" dirty="0" err="1">
                <a:latin typeface="+mn-lt"/>
              </a:rPr>
              <a:t>filters_out</a:t>
            </a:r>
            <a:endParaRPr lang="en-US" sz="2000" b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20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000" b="1" dirty="0" err="1">
                <a:latin typeface="+mn-lt"/>
              </a:rPr>
              <a:t>Conv</a:t>
            </a:r>
            <a:r>
              <a:rPr lang="en-US" sz="2000" b="1" dirty="0">
                <a:latin typeface="+mn-lt"/>
              </a:rPr>
              <a:t> Layer 1 = (1*5*5+1)*6 = 156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000" b="1" dirty="0" err="1">
                <a:latin typeface="+mn-lt"/>
              </a:rPr>
              <a:t>Conv</a:t>
            </a:r>
            <a:r>
              <a:rPr lang="en-US" sz="2000" b="1" dirty="0">
                <a:latin typeface="+mn-lt"/>
              </a:rPr>
              <a:t> Layer 2 = (6*5*5+1)*16 = 2416</a:t>
            </a:r>
          </a:p>
          <a:p>
            <a:pPr>
              <a:lnSpc>
                <a:spcPct val="95000"/>
              </a:lnSpc>
            </a:pPr>
            <a:endParaRPr lang="en-US" sz="2000" b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2000" b="1" dirty="0" err="1"/>
              <a:t>Conv</a:t>
            </a:r>
            <a:r>
              <a:rPr lang="en-US" sz="2000" b="1" dirty="0"/>
              <a:t> Layer 3 = (16*5*5+1)*120 = 48120</a:t>
            </a: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2400" b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39278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LeNET-5 IN </a:t>
            </a:r>
            <a:r>
              <a:rPr lang="en-US" sz="2800" b="1" dirty="0" smtClean="0"/>
              <a:t>KERAS</a:t>
            </a:r>
            <a:endParaRPr lang="da-DK" sz="2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1764" y="2025252"/>
            <a:ext cx="11820892" cy="33843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88520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LeNET-5 IN KERAS ON MNIST</a:t>
            </a:r>
            <a:endParaRPr lang="da-DK" sz="2800" b="1" dirty="0">
              <a:latin typeface="+mn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7908" y="1711352"/>
            <a:ext cx="8532317" cy="4571545"/>
          </a:xfrm>
          <a:prstGeom prst="rect">
            <a:avLst/>
          </a:prstGeom>
        </p:spPr>
      </p:pic>
      <p:cxnSp>
        <p:nvCxnSpPr>
          <p:cNvPr id="7" name="Straight Arrow Connector 6"/>
          <p:cNvCxnSpPr/>
          <p:nvPr/>
        </p:nvCxnSpPr>
        <p:spPr bwMode="auto">
          <a:xfrm flipH="1">
            <a:off x="9622804" y="3645024"/>
            <a:ext cx="1008112" cy="2016224"/>
          </a:xfrm>
          <a:prstGeom prst="straightConnector1">
            <a:avLst/>
          </a:prstGeom>
          <a:solidFill>
            <a:schemeClr val="accent2"/>
          </a:solidFill>
          <a:ln w="3175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" name="TextBox 8"/>
          <p:cNvSpPr txBox="1"/>
          <p:nvPr/>
        </p:nvSpPr>
        <p:spPr>
          <a:xfrm>
            <a:off x="10158727" y="3411114"/>
            <a:ext cx="171318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b="1" dirty="0" smtClean="0">
                <a:solidFill>
                  <a:srgbClr val="FF0000"/>
                </a:solidFill>
                <a:latin typeface="+mn-lt"/>
              </a:rPr>
              <a:t>ITMAL GRUPPE </a:t>
            </a:r>
            <a:r>
              <a:rPr lang="en-US" sz="1600" b="1" dirty="0">
                <a:solidFill>
                  <a:srgbClr val="FF0000"/>
                </a:solidFill>
                <a:latin typeface="+mn-lt"/>
              </a:rPr>
              <a:t>10</a:t>
            </a:r>
            <a:endParaRPr lang="da-DK" sz="1600" b="1" dirty="0">
              <a:solidFill>
                <a:srgbClr val="FF0000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63811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LeNET-5 IN KERAS ON MNIST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0396" y="1772816"/>
            <a:ext cx="5562600" cy="420052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7828" y="2191915"/>
            <a:ext cx="4848225" cy="33623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682238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LeNET-5 IN KERAS ON MNIST</a:t>
            </a: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3704" y="1563923"/>
            <a:ext cx="10297144" cy="47448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07077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UPDATED LeNET-5 IN KERAS ON MNIST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1696" y="1526663"/>
            <a:ext cx="10441160" cy="46386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60238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85670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FEATURE EXTRACTION</a:t>
            </a:r>
            <a:r>
              <a:rPr lang="da-DK" sz="2800" b="1" dirty="0"/>
              <a:t> </a:t>
            </a:r>
            <a:r>
              <a:rPr lang="en-US" sz="2800" b="1" dirty="0"/>
              <a:t>VERSUS FEATURE LEARNING</a:t>
            </a: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667" y="2060848"/>
            <a:ext cx="10781670" cy="36425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252248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UPDATED LeNET-5 IN KERAS ON MNIST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0396" y="1772816"/>
            <a:ext cx="5562600" cy="420052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88496" y="1782341"/>
            <a:ext cx="5524500" cy="4191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9039" y="2183482"/>
            <a:ext cx="4572000" cy="33337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0231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smtClean="0">
                <a:latin typeface="+mn-lt"/>
              </a:rPr>
              <a:t>WARNING</a:t>
            </a:r>
            <a:endParaRPr lang="da-DK" sz="2800" b="1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0436" y="1206252"/>
            <a:ext cx="4732430" cy="484674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0560" y="1916832"/>
            <a:ext cx="5616624" cy="98789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1764" y="3068960"/>
            <a:ext cx="5815583" cy="7281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469082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7668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CNN ARCHITECTURE – 2D CONVOLUTION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5472" y="1563923"/>
            <a:ext cx="8702938" cy="43514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712188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7668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CNN ARCHITECTURE – 2D CONVOLUTION</a:t>
            </a: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38028" y="1544657"/>
            <a:ext cx="6351878" cy="46371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216915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7668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CNN ARCHITECTURE – 2D CONVOLUTION</a:t>
            </a:r>
            <a:endParaRPr lang="da-DK" sz="28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65EC2E5-B93E-4D8D-B49E-6480F46196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17213" y="2017245"/>
            <a:ext cx="8153400" cy="3686175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C4AE55E-CFBD-4028-8813-74749EDD9046}"/>
              </a:ext>
            </a:extLst>
          </p:cNvPr>
          <p:cNvSpPr/>
          <p:nvPr/>
        </p:nvSpPr>
        <p:spPr>
          <a:xfrm>
            <a:off x="3706774" y="5799765"/>
            <a:ext cx="6092825" cy="27699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https://medium.com/analytics-vidhya/deep-learning-methods-1700548a309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64774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7668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CNN ARCHITECTURE – 2D CONVOLUTION</a:t>
            </a:r>
            <a:endParaRPr lang="da-DK" sz="28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796" y="2132856"/>
            <a:ext cx="4591737" cy="3874431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06380" y="1628800"/>
            <a:ext cx="4756620" cy="44984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32163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VOLUTIONAL NEURAL NETWORK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676689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/>
              <a:t>CNN ARCHITECTURE – 2D CONVOLUTION</a:t>
            </a:r>
            <a:endParaRPr lang="da-DK" sz="2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56228" y="1844683"/>
            <a:ext cx="10489827" cy="42770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912216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82</Words>
  <Application>Microsoft Office PowerPoint</Application>
  <PresentationFormat>Custom</PresentationFormat>
  <Paragraphs>111</Paragraphs>
  <Slides>42</Slides>
  <Notes>3</Notes>
  <HiddenSlides>1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2</vt:i4>
      </vt:variant>
    </vt:vector>
  </HeadingPairs>
  <TitlesOfParts>
    <vt:vector size="50" baseType="lpstr">
      <vt:lpstr>Georgia</vt:lpstr>
      <vt:lpstr>Wingdings 3</vt:lpstr>
      <vt:lpstr>AU Passata</vt:lpstr>
      <vt:lpstr>AU Passata Light</vt:lpstr>
      <vt:lpstr>Arial</vt:lpstr>
      <vt:lpstr>Calibri</vt:lpstr>
      <vt:lpstr>AU Peto</vt:lpstr>
      <vt:lpstr>AU 16:9</vt:lpstr>
      <vt:lpstr>PowerPoint Presentation</vt:lpstr>
      <vt:lpstr>CONVOLUTIONAL 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CONVOLUTIONAL NEURAL NETWOR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7T12:24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